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9"/>
  </p:notesMasterIdLst>
  <p:sldIdLst>
    <p:sldId id="256" r:id="rId2"/>
    <p:sldId id="272" r:id="rId3"/>
    <p:sldId id="270" r:id="rId4"/>
    <p:sldId id="271" r:id="rId5"/>
    <p:sldId id="266" r:id="rId6"/>
    <p:sldId id="268" r:id="rId7"/>
    <p:sldId id="273" r:id="rId8"/>
  </p:sldIdLst>
  <p:sldSz cx="12192000" cy="6858000"/>
  <p:notesSz cx="6858000" cy="9144000"/>
  <p:custDataLst>
    <p:tags r:id="rId1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000" autoAdjust="0"/>
    <p:restoredTop sz="94434" autoAdjust="0"/>
  </p:normalViewPr>
  <p:slideViewPr>
    <p:cSldViewPr snapToGrid="0">
      <p:cViewPr varScale="1">
        <p:scale>
          <a:sx n="106" d="100"/>
          <a:sy n="106" d="100"/>
        </p:scale>
        <p:origin x="672" y="9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54" d="100"/>
          <a:sy n="54" d="100"/>
        </p:scale>
        <p:origin x="2820" y="78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7D5B318-D55A-4F9C-8203-61689F74D2B6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D618ED5-ABD8-46ED-91BC-BEBE6486DB5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3288834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http://rezerv.narod.ru/history/ussur-pozdsrednevek.htm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045788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9345485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4588864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2857647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3139126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6058110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D618ED5-ABD8-46ED-91BC-BEBE6486DB54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3700988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6875005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87650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6770178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9542037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91888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253698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708731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23463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89781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894532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7114973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1F1066A-894A-41A3-8BCF-E71165EC2A00}" type="datetimeFigureOut">
              <a:rPr lang="ru-RU" smtClean="0"/>
              <a:t>13.04.2026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D7E5051-2556-45BB-B1A3-B670AA7F759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242475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slide" Target="slide5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5" Type="http://schemas.openxmlformats.org/officeDocument/2006/relationships/image" Target="../media/image6.png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11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10" Type="http://schemas.openxmlformats.org/officeDocument/2006/relationships/image" Target="../media/image14.png"/><Relationship Id="rId4" Type="http://schemas.openxmlformats.org/officeDocument/2006/relationships/image" Target="../media/image8.png"/><Relationship Id="rId9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4" Type="http://schemas.openxmlformats.org/officeDocument/2006/relationships/image" Target="../media/image1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470548" y="299330"/>
            <a:ext cx="9144000" cy="1401045"/>
          </a:xfrm>
        </p:spPr>
        <p:txBody>
          <a:bodyPr>
            <a:noAutofit/>
          </a:bodyPr>
          <a:lstStyle/>
          <a:p>
            <a:r>
              <a:rPr lang="ru-RU" sz="4400" dirty="0">
                <a:latin typeface="Georgia" panose="02040502050405020303" pitchFamily="18" charset="0"/>
              </a:rPr>
              <a:t>Народы Дальнего Востока </a:t>
            </a:r>
            <a:r>
              <a:rPr lang="ru-RU" sz="4400" dirty="0" smtClean="0">
                <a:latin typeface="Georgia" panose="02040502050405020303" pitchFamily="18" charset="0"/>
              </a:rPr>
              <a:t>России в </a:t>
            </a:r>
            <a:r>
              <a:rPr lang="ru-RU" sz="4400" dirty="0">
                <a:latin typeface="Georgia" panose="02040502050405020303" pitchFamily="18" charset="0"/>
              </a:rPr>
              <a:t>XIII–XVII </a:t>
            </a:r>
            <a:r>
              <a:rPr lang="ru-RU" sz="4400" dirty="0" smtClean="0">
                <a:latin typeface="Georgia" panose="02040502050405020303" pitchFamily="18" charset="0"/>
              </a:rPr>
              <a:t>вв.</a:t>
            </a:r>
            <a:endParaRPr lang="ru-RU" sz="4400" dirty="0">
              <a:latin typeface="Georgia" panose="02040502050405020303" pitchFamily="18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4692079" y="1815446"/>
            <a:ext cx="6205036" cy="34163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ru-RU" sz="5400" b="1" smtClean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Чжурчжэни </a:t>
            </a:r>
            <a:r>
              <a:rPr lang="ru-RU" sz="54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–</a:t>
            </a:r>
          </a:p>
          <a:p>
            <a:pPr algn="ctr"/>
            <a:r>
              <a:rPr lang="ru-RU" sz="54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«народ воинственный и коварный»</a:t>
            </a:r>
            <a:endParaRPr lang="ru-RU" sz="54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grpSp>
        <p:nvGrpSpPr>
          <p:cNvPr id="3" name="Группа 2"/>
          <p:cNvGrpSpPr/>
          <p:nvPr/>
        </p:nvGrpSpPr>
        <p:grpSpPr>
          <a:xfrm>
            <a:off x="2069432" y="5639515"/>
            <a:ext cx="7688931" cy="755935"/>
            <a:chOff x="-614366" y="5906120"/>
            <a:chExt cx="7688931" cy="755935"/>
          </a:xfrm>
        </p:grpSpPr>
        <p:grpSp>
          <p:nvGrpSpPr>
            <p:cNvPr id="8" name="Группа 7"/>
            <p:cNvGrpSpPr/>
            <p:nvPr/>
          </p:nvGrpSpPr>
          <p:grpSpPr>
            <a:xfrm>
              <a:off x="1839937" y="5906120"/>
              <a:ext cx="5234628" cy="755932"/>
              <a:chOff x="524657" y="5906124"/>
              <a:chExt cx="5234628" cy="464695"/>
            </a:xfrm>
          </p:grpSpPr>
          <p:sp>
            <p:nvSpPr>
              <p:cNvPr id="4" name="Скругленный прямоугольник 3">
                <a:hlinkClick r:id="rId4" action="ppaction://hlinksldjump"/>
              </p:cNvPr>
              <p:cNvSpPr/>
              <p:nvPr/>
            </p:nvSpPr>
            <p:spPr>
              <a:xfrm>
                <a:off x="524657" y="5906124"/>
                <a:ext cx="3037626" cy="464695"/>
              </a:xfrm>
              <a:prstGeom prst="roundRect">
                <a:avLst/>
              </a:prstGeom>
              <a:ln/>
            </p:spPr>
            <p:style>
              <a:lnRef idx="2">
                <a:schemeClr val="dk1"/>
              </a:lnRef>
              <a:fillRef idx="1">
                <a:schemeClr val="lt1"/>
              </a:fillRef>
              <a:effectRef idx="0">
                <a:schemeClr val="dk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ru-RU" dirty="0" smtClean="0"/>
                  <a:t>Китайские летописи о воинах- чжурчжэнях</a:t>
                </a:r>
                <a:endParaRPr lang="ru-RU" dirty="0"/>
              </a:p>
            </p:txBody>
          </p:sp>
          <p:sp>
            <p:nvSpPr>
              <p:cNvPr id="5" name="Скругленный прямоугольник 4"/>
              <p:cNvSpPr/>
              <p:nvPr/>
            </p:nvSpPr>
            <p:spPr>
              <a:xfrm>
                <a:off x="3562283" y="5906124"/>
                <a:ext cx="2197002" cy="464695"/>
              </a:xfrm>
              <a:prstGeom prst="roundRect">
                <a:avLst/>
              </a:prstGeom>
              <a:ln/>
            </p:spPr>
            <p:style>
              <a:lnRef idx="2">
                <a:schemeClr val="dk1"/>
              </a:lnRef>
              <a:fillRef idx="1">
                <a:schemeClr val="lt1"/>
              </a:fillRef>
              <a:effectRef idx="0">
                <a:schemeClr val="dk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ru-RU" dirty="0" smtClean="0"/>
                  <a:t>Памятники военного могущества</a:t>
                </a:r>
                <a:endParaRPr lang="ru-RU" dirty="0"/>
              </a:p>
            </p:txBody>
          </p:sp>
        </p:grpSp>
        <p:sp>
          <p:nvSpPr>
            <p:cNvPr id="10" name="Скругленный прямоугольник 9">
              <a:hlinkClick r:id="rId4" action="ppaction://hlinksldjump"/>
            </p:cNvPr>
            <p:cNvSpPr/>
            <p:nvPr/>
          </p:nvSpPr>
          <p:spPr>
            <a:xfrm>
              <a:off x="-614366" y="5906123"/>
              <a:ext cx="2454303" cy="755932"/>
            </a:xfrm>
            <a:prstGeom prst="roundRect">
              <a:avLst/>
            </a:prstGeom>
            <a:ln/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ru-RU" dirty="0" smtClean="0"/>
                <a:t>Секреты непобедимости чжурчжэней</a:t>
              </a:r>
              <a:endParaRPr lang="ru-RU" dirty="0"/>
            </a:p>
          </p:txBody>
        </p:sp>
      </p:grpSp>
      <p:pic>
        <p:nvPicPr>
          <p:cNvPr id="11" name="Рисунок 10"/>
          <p:cNvPicPr>
            <a:picLocks noChangeAspect="1"/>
          </p:cNvPicPr>
          <p:nvPr/>
        </p:nvPicPr>
        <p:blipFill rotWithShape="1"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4030" t="156" r="3621" b="3689"/>
          <a:stretch/>
        </p:blipFill>
        <p:spPr>
          <a:xfrm>
            <a:off x="612233" y="999852"/>
            <a:ext cx="3429000" cy="49156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878311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Прямоугольник 5"/>
          <p:cNvSpPr/>
          <p:nvPr/>
        </p:nvSpPr>
        <p:spPr>
          <a:xfrm>
            <a:off x="134911" y="2262296"/>
            <a:ext cx="10403174" cy="1815882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ru-RU" sz="2800" b="0" i="1" cap="none" spc="0" dirty="0">
                <a:ln w="0"/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Они дерутся так, как будто сами духи вступают </a:t>
            </a:r>
            <a:endParaRPr lang="ru-RU" sz="2800" b="0" i="1" cap="none" spc="0" dirty="0" smtClean="0">
              <a:ln w="0"/>
              <a:solidFill>
                <a:schemeClr val="tx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Verdana" panose="020B0604030504040204" pitchFamily="34" charset="0"/>
            </a:endParaRPr>
          </a:p>
          <a:p>
            <a:pPr algn="ctr"/>
            <a:r>
              <a:rPr lang="ru-RU" sz="2800" b="0" i="1" cap="none" spc="0" dirty="0" smtClean="0">
                <a:ln w="0"/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в </a:t>
            </a:r>
            <a:r>
              <a:rPr lang="ru-RU" sz="2800" b="0" i="1" cap="none" spc="0" dirty="0">
                <a:ln w="0"/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сражение, и в конце концов одерживают </a:t>
            </a:r>
            <a:r>
              <a:rPr lang="ru-RU" sz="2800" b="0" i="1" cap="none" spc="0" dirty="0" smtClean="0">
                <a:ln w="0"/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победу.</a:t>
            </a:r>
          </a:p>
          <a:p>
            <a:pPr algn="ctr"/>
            <a:endParaRPr lang="ru-RU" sz="2800" b="0" i="1" cap="none" spc="0" dirty="0" smtClean="0">
              <a:ln w="0"/>
              <a:solidFill>
                <a:schemeClr val="tx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Verdana" panose="020B0604030504040204" pitchFamily="34" charset="0"/>
            </a:endParaRPr>
          </a:p>
          <a:p>
            <a:pPr algn="r"/>
            <a:r>
              <a:rPr lang="ru-RU" sz="2800" i="1" dirty="0">
                <a:ln w="0"/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и</a:t>
            </a:r>
            <a:r>
              <a:rPr lang="ru-RU" sz="2800" i="1" dirty="0" smtClean="0">
                <a:ln w="0"/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anose="020B0604030504040204" pitchFamily="34" charset="0"/>
              </a:rPr>
              <a:t>з Китайской летописи</a:t>
            </a:r>
            <a:endParaRPr lang="ru-RU" sz="2800" b="0" i="1" cap="none" spc="0" dirty="0">
              <a:ln w="0"/>
              <a:solidFill>
                <a:schemeClr val="tx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7" name="Скругленный прямоугольник 6"/>
          <p:cNvSpPr/>
          <p:nvPr/>
        </p:nvSpPr>
        <p:spPr>
          <a:xfrm>
            <a:off x="379751" y="4679882"/>
            <a:ext cx="7520065" cy="1736646"/>
          </a:xfrm>
          <a:prstGeom prst="roundRect">
            <a:avLst/>
          </a:prstGeom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wrap="square">
            <a:spAutoFit/>
          </a:bodyPr>
          <a:lstStyle/>
          <a:p>
            <a:r>
              <a:rPr lang="ru-RU" sz="24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onotype Corsiva" panose="03010101010201010101" pitchFamily="66" charset="0"/>
              </a:rPr>
              <a:t>Сформулируйте вопросы, которые возникли у вас при знакомстве с отрывком из китайской летописи.</a:t>
            </a:r>
          </a:p>
          <a:p>
            <a:endParaRPr lang="ru-RU" sz="2400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Monotype Corsiva" panose="03010101010201010101" pitchFamily="66" charset="0"/>
            </a:endParaRPr>
          </a:p>
          <a:p>
            <a:pPr algn="ctr"/>
            <a:r>
              <a:rPr lang="ru-RU" sz="24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onotype Corsiva" panose="03010101010201010101" pitchFamily="66" charset="0"/>
              </a:rPr>
              <a:t>И мы попробуем в течение урока найти на них ответы.</a:t>
            </a:r>
            <a:endParaRPr lang="ru-RU" sz="24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Monotype Corsiva" panose="03010101010201010101" pitchFamily="66" charset="0"/>
            </a:endParaRPr>
          </a:p>
        </p:txBody>
      </p:sp>
      <p:pic>
        <p:nvPicPr>
          <p:cNvPr id="1026" name="Picture 2" descr="https://proprikol.ru/wp-content/uploads/2020/07/kartinki-znak-voprosa-1.jp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09481" y="4421848"/>
            <a:ext cx="3003617" cy="22527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 flipH="1">
            <a:off x="0" y="-21427"/>
            <a:ext cx="2911856" cy="2630930"/>
          </a:xfrm>
          <a:prstGeom prst="ellipse">
            <a:avLst/>
          </a:prstGeom>
        </p:spPr>
      </p:pic>
      <p:sp>
        <p:nvSpPr>
          <p:cNvPr id="10" name="Скругленная прямоугольная выноска 9"/>
          <p:cNvSpPr/>
          <p:nvPr/>
        </p:nvSpPr>
        <p:spPr>
          <a:xfrm>
            <a:off x="4942344" y="379062"/>
            <a:ext cx="6470754" cy="1281530"/>
          </a:xfrm>
          <a:prstGeom prst="wedgeRoundRectCallout">
            <a:avLst>
              <a:gd name="adj1" fmla="val -83117"/>
              <a:gd name="adj2" fmla="val 86069"/>
              <a:gd name="adj3" fmla="val 16667"/>
            </a:avLst>
          </a:prstGeom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000" i="1" dirty="0" smtClean="0"/>
              <a:t>Нет на земле народа </a:t>
            </a:r>
            <a:r>
              <a:rPr lang="ru-RU" sz="2000" i="1" dirty="0" err="1" smtClean="0"/>
              <a:t>коварней</a:t>
            </a:r>
            <a:r>
              <a:rPr lang="ru-RU" sz="2000" i="1" dirty="0" smtClean="0"/>
              <a:t> ,чем чжурчжэни, приказываю захватить земли </a:t>
            </a:r>
            <a:r>
              <a:rPr lang="ru-RU" sz="2000" i="1" dirty="0" err="1" smtClean="0"/>
              <a:t>Цзинь</a:t>
            </a:r>
            <a:r>
              <a:rPr lang="ru-RU" sz="2000" i="1" dirty="0" smtClean="0"/>
              <a:t> , принести  этому народу народу смерть и разрушение, чтобы даже памяти не осталось  в веках….</a:t>
            </a:r>
            <a:endParaRPr lang="ru-RU" sz="2000" i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568302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2038601" y="5639515"/>
            <a:ext cx="7516452" cy="1035111"/>
            <a:chOff x="-645197" y="5906120"/>
            <a:chExt cx="7516452" cy="1035111"/>
          </a:xfrm>
        </p:grpSpPr>
        <p:grpSp>
          <p:nvGrpSpPr>
            <p:cNvPr id="5" name="Группа 4"/>
            <p:cNvGrpSpPr/>
            <p:nvPr/>
          </p:nvGrpSpPr>
          <p:grpSpPr>
            <a:xfrm>
              <a:off x="1839937" y="5906120"/>
              <a:ext cx="5031318" cy="755932"/>
              <a:chOff x="524657" y="5906124"/>
              <a:chExt cx="5031318" cy="464695"/>
            </a:xfrm>
          </p:grpSpPr>
          <p:sp>
            <p:nvSpPr>
              <p:cNvPr id="7" name="Скругленный прямоугольник 6">
                <a:hlinkClick r:id="rId4" action="ppaction://hlinksldjump"/>
              </p:cNvPr>
              <p:cNvSpPr/>
              <p:nvPr/>
            </p:nvSpPr>
            <p:spPr>
              <a:xfrm>
                <a:off x="524657" y="5906124"/>
                <a:ext cx="3037626" cy="464695"/>
              </a:xfrm>
              <a:prstGeom prst="roundRect">
                <a:avLst/>
              </a:prstGeom>
              <a:ln/>
            </p:spPr>
            <p:style>
              <a:lnRef idx="2">
                <a:schemeClr val="dk1"/>
              </a:lnRef>
              <a:fillRef idx="1">
                <a:schemeClr val="lt1"/>
              </a:fillRef>
              <a:effectRef idx="0">
                <a:schemeClr val="dk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ru-RU" dirty="0" smtClean="0"/>
                  <a:t>Китайские летописи о воинах- чжурчжэнях</a:t>
                </a:r>
                <a:endParaRPr lang="ru-RU" dirty="0"/>
              </a:p>
            </p:txBody>
          </p:sp>
          <p:sp>
            <p:nvSpPr>
              <p:cNvPr id="8" name="Скругленный прямоугольник 7"/>
              <p:cNvSpPr/>
              <p:nvPr/>
            </p:nvSpPr>
            <p:spPr>
              <a:xfrm>
                <a:off x="3562283" y="5906124"/>
                <a:ext cx="1993692" cy="464695"/>
              </a:xfrm>
              <a:prstGeom prst="roundRect">
                <a:avLst/>
              </a:prstGeom>
              <a:ln/>
            </p:spPr>
            <p:style>
              <a:lnRef idx="2">
                <a:schemeClr val="dk1"/>
              </a:lnRef>
              <a:fillRef idx="1">
                <a:schemeClr val="lt1"/>
              </a:fillRef>
              <a:effectRef idx="0">
                <a:schemeClr val="dk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ru-RU" dirty="0" smtClean="0"/>
                  <a:t>Памятники военного могущества</a:t>
                </a:r>
                <a:endParaRPr lang="ru-RU" dirty="0"/>
              </a:p>
            </p:txBody>
          </p:sp>
        </p:grpSp>
        <p:sp>
          <p:nvSpPr>
            <p:cNvPr id="6" name="Скругленный прямоугольник 5">
              <a:hlinkClick r:id="rId4" action="ppaction://hlinksldjump"/>
            </p:cNvPr>
            <p:cNvSpPr/>
            <p:nvPr/>
          </p:nvSpPr>
          <p:spPr>
            <a:xfrm>
              <a:off x="-645197" y="6185299"/>
              <a:ext cx="2454303" cy="755932"/>
            </a:xfrm>
            <a:prstGeom prst="roundRect">
              <a:avLst/>
            </a:prstGeom>
            <a:ln/>
          </p:spPr>
          <p:style>
            <a:lnRef idx="2">
              <a:schemeClr val="dk1">
                <a:shade val="50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 smtClean="0"/>
                <a:t>Секреты непобедимости чжурчжэней</a:t>
              </a:r>
              <a:endParaRPr lang="ru-RU" dirty="0"/>
            </a:p>
          </p:txBody>
        </p:sp>
      </p:grpSp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9189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INTERACTION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Интерактивность</a:t>
            </a:r>
            <a:endParaRPr lang="ru-RU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INTERACTION_SHAPE3"/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240636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INTERACTION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Интерактивность</a:t>
            </a:r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й интерактивности</a:t>
            </a:r>
            <a:endParaRPr lang="ru-RU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580311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000250" y="1659969"/>
            <a:ext cx="8561070" cy="4955144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INTERACTION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Интерактивность</a:t>
            </a:r>
            <a:endParaRPr lang="ru-RU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INTERACTION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240636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INTERACTION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Интерактивность</a:t>
            </a:r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й интерактивности</a:t>
            </a:r>
            <a:endParaRPr lang="ru-RU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65726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670153" y="3573676"/>
            <a:ext cx="2273447" cy="2965366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9588" y="18944"/>
            <a:ext cx="2647055" cy="3208551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816374" y="61913"/>
            <a:ext cx="1992535" cy="3257550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14304" y="3573676"/>
            <a:ext cx="2534100" cy="2879659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938591" y="-20064"/>
            <a:ext cx="2344808" cy="3247559"/>
          </a:xfrm>
          <a:prstGeom prst="rect">
            <a:avLst/>
          </a:prstGeom>
        </p:spPr>
      </p:pic>
      <p:pic>
        <p:nvPicPr>
          <p:cNvPr id="11" name="Рисунок 10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495347" y="1270606"/>
            <a:ext cx="4281598" cy="1940991"/>
          </a:xfrm>
          <a:prstGeom prst="rect">
            <a:avLst/>
          </a:prstGeom>
        </p:spPr>
      </p:pic>
      <p:pic>
        <p:nvPicPr>
          <p:cNvPr id="12" name="Рисунок 11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7279520" y="3454400"/>
            <a:ext cx="3726651" cy="306827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73306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994535" y="460375"/>
            <a:ext cx="2857500" cy="38100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558087" y="309882"/>
            <a:ext cx="2828925" cy="3960494"/>
          </a:xfrm>
          <a:prstGeom prst="rect">
            <a:avLst/>
          </a:prstGeom>
        </p:spPr>
      </p:pic>
      <p:sp>
        <p:nvSpPr>
          <p:cNvPr id="6" name="Прямоугольник 5"/>
          <p:cNvSpPr/>
          <p:nvPr/>
        </p:nvSpPr>
        <p:spPr>
          <a:xfrm>
            <a:off x="838200" y="4270375"/>
            <a:ext cx="8835390" cy="25853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1" dirty="0"/>
              <a:t>Рис1</a:t>
            </a:r>
            <a:r>
              <a:rPr lang="ru-RU" dirty="0"/>
              <a:t>.Тяжеловооруженные </a:t>
            </a:r>
            <a:r>
              <a:rPr lang="ru-RU" dirty="0" err="1"/>
              <a:t>цзиньские</a:t>
            </a:r>
            <a:r>
              <a:rPr lang="ru-RU" dirty="0"/>
              <a:t> и монгольские воины XII - начала XIII вв. (к стр. 56). Рисунки и реконструкции Л. А. Боброва. Слева направо:</a:t>
            </a:r>
            <a:br>
              <a:rPr lang="ru-RU" dirty="0"/>
            </a:br>
            <a:r>
              <a:rPr lang="ru-RU" dirty="0"/>
              <a:t>1. </a:t>
            </a:r>
            <a:r>
              <a:rPr lang="ru-RU" dirty="0" err="1"/>
              <a:t>Цзиньский</a:t>
            </a:r>
            <a:r>
              <a:rPr lang="ru-RU" dirty="0"/>
              <a:t> (</a:t>
            </a:r>
            <a:r>
              <a:rPr lang="ru-RU" dirty="0" err="1"/>
              <a:t>чжурчжэньский</a:t>
            </a:r>
            <a:r>
              <a:rPr lang="ru-RU" dirty="0"/>
              <a:t>) военачальник XII в. </a:t>
            </a:r>
            <a:br>
              <a:rPr lang="ru-RU" dirty="0"/>
            </a:br>
            <a:r>
              <a:rPr lang="ru-RU" dirty="0"/>
              <a:t>2. Китайский наемник </a:t>
            </a:r>
            <a:r>
              <a:rPr lang="ru-RU" dirty="0" err="1"/>
              <a:t>цзиньской</a:t>
            </a:r>
            <a:r>
              <a:rPr lang="ru-RU" dirty="0"/>
              <a:t> армии второй половины XII - начала XIII вв. 3. Монгольский </a:t>
            </a:r>
            <a:r>
              <a:rPr lang="ru-RU" dirty="0" err="1"/>
              <a:t>Маркуз</a:t>
            </a:r>
            <a:r>
              <a:rPr lang="ru-RU" dirty="0"/>
              <a:t>-хан.</a:t>
            </a:r>
          </a:p>
          <a:p>
            <a:r>
              <a:rPr lang="ru-RU" b="1" dirty="0"/>
              <a:t>Рис2</a:t>
            </a:r>
            <a:r>
              <a:rPr lang="ru-RU" dirty="0"/>
              <a:t>. Тяжеловооруженные </a:t>
            </a:r>
            <a:r>
              <a:rPr lang="ru-RU" dirty="0" err="1"/>
              <a:t>чжурчжэньские</a:t>
            </a:r>
            <a:r>
              <a:rPr lang="ru-RU" dirty="0"/>
              <a:t> воины XI - начала XIII вв. Рисунки и реконструкции Л. А. Боброва. Слева направо:</a:t>
            </a:r>
            <a:br>
              <a:rPr lang="ru-RU" dirty="0"/>
            </a:br>
            <a:r>
              <a:rPr lang="ru-RU" dirty="0"/>
              <a:t>1. Дружинник </a:t>
            </a:r>
            <a:r>
              <a:rPr lang="ru-RU" dirty="0" err="1"/>
              <a:t>чжурчжэньского</a:t>
            </a:r>
            <a:r>
              <a:rPr lang="ru-RU" dirty="0"/>
              <a:t> рода </a:t>
            </a:r>
            <a:r>
              <a:rPr lang="ru-RU" dirty="0" err="1"/>
              <a:t>Ваньян</a:t>
            </a:r>
            <a:r>
              <a:rPr lang="ru-RU" dirty="0"/>
              <a:t>, конец XI - начала XII вв.</a:t>
            </a:r>
            <a:br>
              <a:rPr lang="ru-RU" dirty="0"/>
            </a:br>
            <a:r>
              <a:rPr lang="ru-RU" dirty="0"/>
              <a:t>2. Тяжеловооруженный </a:t>
            </a:r>
            <a:r>
              <a:rPr lang="ru-RU" dirty="0" err="1"/>
              <a:t>цзиньский</a:t>
            </a:r>
            <a:r>
              <a:rPr lang="ru-RU" dirty="0"/>
              <a:t> воин конца XII - начала XIII вв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16780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95337" y="979488"/>
            <a:ext cx="5048250" cy="2392363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/>
              <a:t>Почему же в сражениях с монголами </a:t>
            </a:r>
            <a:r>
              <a:rPr lang="ru-RU" dirty="0" smtClean="0"/>
              <a:t>военная удача </a:t>
            </a:r>
            <a:r>
              <a:rPr lang="ru-RU" dirty="0"/>
              <a:t>не была на стороне чжурчжэней? </a:t>
            </a: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750722" y="62753"/>
            <a:ext cx="6192118" cy="679524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09772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595BCE59-5121-4C72-AA0E-67FD7E9955C7}"/>
  <p:tag name="ISPRING_PROJECT_VERSION" val="9.3"/>
  <p:tag name="ISPRING_PROJECT_FOLDER_UPDATED" val="1"/>
  <p:tag name="FLASHSPRING_ZOOM_TAG" val="83"/>
  <p:tag name="ISPRING_PRESENTATION_INFO_2" val="&lt;?xml version=&quot;1.0&quot; encoding=&quot;UTF-8&quot; standalone=&quot;no&quot; ?&gt;&#10;&lt;presentation2&gt;&#10;&#10;  &lt;slides&gt;&#10;    &lt;slide id=&quot;{5632DDA8-C1AA-468A-AD32-9AAF79785253}&quot; pptId=&quot;256&quot;/&gt;&#10;    &lt;slide id=&quot;{4817CCF3-042B-4087-809C-93B442A932F8}&quot; pptId=&quot;272&quot;/&gt;&#10;    &lt;slide id=&quot;{941C3C56-3348-4A76-9D06-74AF3E3BDF92}&quot; pptId=&quot;270&quot;/&gt;&#10;    &lt;slide id=&quot;{DF4C436B-5982-4EFD-AABF-508080F9B079}&quot; pptId=&quot;271&quot;/&gt;&#10;    &lt;slide id=&quot;{7E04D5D3-48D9-496D-8AFB-FD2474C96679}&quot; pptId=&quot;266&quot;/&gt;&#10;    &lt;slide id=&quot;{B4FF928E-9BB2-4E6C-8072-AB31CE122AA2}&quot; pptId=&quot;268&quot;/&gt;&#10;    &lt;slide id=&quot;{DD13F69B-00EB-458E-B082-B04D3129895D}&quot; pptId=&quot;273&quot;/&gt;&#10;  &lt;/slides&gt;&#10;&#10;  &lt;narration&gt;&#10;    &lt;audioTracks/&gt;&#10;    &lt;videoTracks/&gt;&#10;  &lt;/narration&gt;&#10;&#10;&lt;/presentation2&gt;&#10;"/>
  <p:tag name="ISPRING_FIRST_PUBLISH" val="1"/>
  <p:tag name="ISPRING_LMS_API_VERSION" val="SCORM 2004 (2nd edition)"/>
  <p:tag name="ISPRING_ULTRA_SCORM_COURCE_TITLE" val="11_ Чжурчжэни с армии начинали...."/>
  <p:tag name="ISPRING_ULTRA_SCORM_COURSE_ID" val="E79B63C5-FC38-4500-BAD6-987D65F0A9AF"/>
  <p:tag name="ISPRING_CMI5_LAUNCH_METHOD" val="any window"/>
  <p:tag name="ISPRINGCLOUDFOLDERID" val="1"/>
  <p:tag name="ISPRINGONLINEFOLDERID" val="1"/>
  <p:tag name="ISPRING_ULTRA_SCORM_SLIDE_COUNT" val="6"/>
  <p:tag name="ISPRING_SCORM_RATE_SLIDES" val="0"/>
  <p:tag name="ISPRING_SCORM_PASSING_SCORE" val="0.000000"/>
  <p:tag name="ISPRING_PRESENTATION_TITLE" val="11_ Чжурчжэни с армии начинали....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0012\uFFFDCF{EF8D9EB4-6808-4AEF-BECD-5B57E8A9B282}&quot;,&quot;E:\\6 класс&quot;]]"/>
  <p:tag name="ISPRING_PRESENTATION_COURSE_TITLE" val="11_ Чжурчжэни с армии начинали...."/>
  <p:tag name="ISPRING_CURRENT_PLAYER_ID" val="universal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}"/>
  <p:tag name="ISPRING_RESOURCE_FOLDER" val="F:\6 класс\11_Чжурчжэни с армии начинали, армией и закончили"/>
  <p:tag name="ISPRING_PRESENTATION_PATH" val="F:\6 класс\11_Чжурчжэни с армии начинали, армией и закончили.pptx"/>
  <p:tag name="ISPRING_PLAYERS_CUSTOMIZATION_2" val="UEsDBBQAAgAIAJgGl1B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"/>
  <p:tag name="ISPRING_SCREEN_RECS_UPDATED" val="F:\6 класс\11_Чжурчжэни с армии начинали, армией и закончили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PLAYER_LAYOUT_TYPE" val="NoSidebar"/>
  <p:tag name="GENSWF_ADVANCE_TIME" val="5.000"/>
  <p:tag name="ISPRING_CUSTOM_TIMING_USED" val="1"/>
  <p:tag name="ISPRING_SLIDE_ID_2" val="{5632DDA8-C1AA-468A-AD32-9AAF79785253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D_2" val="{4817CCF3-042B-4087-809C-93B442A932F8}"/>
  <p:tag name="GENSWF_ADVANCE_TIME" val="5.000"/>
  <p:tag name="ISPRING_CUSTOM_TIMING_USED" val="1"/>
  <p:tag name="GENSWF_SLIDE_TITLE" val="Ключевой вопрос"/>
  <p:tag name="ISPRING_SLIDE_INDENT_LEVEL" val="0"/>
  <p:tag name="ISPRING_PLAYER_LAYOUT_TYPE" val="NoSidebar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SLIDE_INDENT_LEVEL" val="0"/>
  <p:tag name="ISPRING_PLAYER_LAYOUT_TYPE" val="NoSidebar"/>
  <p:tag name="GENSWF_ADVANCE_TIME" val="5.000"/>
  <p:tag name="ISPRING_CUSTOM_TIMING_USED" val="1"/>
  <p:tag name="ISPRING_SLIDE_ID_2" val="{941C3C56-3348-4A76-9D06-74AF3E3BDF92}"/>
  <p:tag name="ISPRING_INTERACTION_RELATIVE_PATH" val="11_Чжурчжэни с армии начинали, армией и закончили\interactions\intr1.visuals"/>
  <p:tag name="GENSWF_SLIDE_TITLE" val="Вооружение"/>
  <p:tag name="ISPRING_INTERACTION_FULL_PATH" val="F:\6 класс\11_Чжурчжэни с армии начинали, армией и закончили\interactions\intr1.visuals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MediaCards"/>
  <p:tag name="ISPRING_SLIDE_INDENT_LEVEL" val="0"/>
  <p:tag name="ISPRING_PLAYER_LAYOUT_TYPE" val="NoSidebar"/>
  <p:tag name="GENSWF_ADVANCE_TIME" val="5.000"/>
  <p:tag name="ISPRING_CUSTOM_TIMING_USED" val="1"/>
  <p:tag name="ISPRING_SLIDE_ID_2" val="{DF4C436B-5982-4EFD-AABF-508080F9B079}"/>
  <p:tag name="ISPRING_INTERACTION_RELATIVE_PATH" val="11_Чжурчжэни с армии начинали, армией и закончили\interactions\intr2.visuals"/>
  <p:tag name="GENSWF_SLIDE_TITLE" val="Военная техника"/>
  <p:tag name="ISPRING_INTERACTION_FULL_PATH" val="F:\6 класс\11_Чжурчжэни с армии начинали, армией и закончили\interactions\intr2.visuals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PLAYER_LAYOUT_TYPE" val="NoSidebar"/>
  <p:tag name="GENSWF_ADVANCE_TIME" val="5.000"/>
  <p:tag name="ISPRING_CUSTOM_TIMING_USED" val="1"/>
  <p:tag name="ISPRING_SLIDE_ID_2" val="{7E04D5D3-48D9-496D-8AFB-FD2474C96679}"/>
  <p:tag name="GENSWF_SLIDE_TITLE" val="Армия монголов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PLAYER_LAYOUT_TYPE" val="NoSidebar"/>
  <p:tag name="GENSWF_ADVANCE_TIME" val="5.000"/>
  <p:tag name="ISPRING_CUSTOM_TIMING_USED" val="1"/>
  <p:tag name="ISPRING_SLIDE_ID_2" val="{B4FF928E-9BB2-4E6C-8072-AB31CE122AA2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D_2" val="{DD13F69B-00EB-458E-B082-B04D3129895D}"/>
  <p:tag name="GENSWF_ADVANCE_TIME" val="5.000"/>
  <p:tag name="ISPRING_CUSTOM_TIMING_USED" val="1"/>
  <p:tag name="ISPRING_SLIDE_INDENT_LEVEL" val="0"/>
  <p:tag name="ISPRING_PLAYER_LAYOUT_TYPE" val="NoSidebar"/>
</p:tagLst>
</file>

<file path=ppt/theme/theme1.xml><?xml version="1.0" encoding="utf-8"?>
<a:theme xmlns:a="http://schemas.openxmlformats.org/drawingml/2006/main" name="Тема Office">
  <a:themeElements>
    <a:clrScheme name="СССР">
      <a:dk1>
        <a:srgbClr val="8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Другая 1">
      <a:majorFont>
        <a:latin typeface="Cambria"/>
        <a:ea typeface=""/>
        <a:cs typeface=""/>
      </a:majorFont>
      <a:minorFont>
        <a:latin typeface="Clarendon BT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10</TotalTime>
  <Words>187</Words>
  <Application>Microsoft Office PowerPoint</Application>
  <PresentationFormat>Широкоэкранный</PresentationFormat>
  <Paragraphs>32</Paragraphs>
  <Slides>7</Slides>
  <Notes>7</Notes>
  <HiddenSlides>1</HiddenSlides>
  <MMClips>0</MMClips>
  <ScaleCrop>false</ScaleCrop>
  <HeadingPairs>
    <vt:vector size="6" baseType="variant">
      <vt:variant>
        <vt:lpstr>Использованные шрифты</vt:lpstr>
      </vt:variant>
      <vt:variant>
        <vt:i4>9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7</vt:i4>
      </vt:variant>
    </vt:vector>
  </HeadingPairs>
  <TitlesOfParts>
    <vt:vector size="17" baseType="lpstr">
      <vt:lpstr>Arial</vt:lpstr>
      <vt:lpstr>Calibri</vt:lpstr>
      <vt:lpstr>Cambria</vt:lpstr>
      <vt:lpstr>Clarendon BT</vt:lpstr>
      <vt:lpstr>Georgia</vt:lpstr>
      <vt:lpstr>Monotype Corsiva</vt:lpstr>
      <vt:lpstr>Segoe UI</vt:lpstr>
      <vt:lpstr>Segoe UI Semibold</vt:lpstr>
      <vt:lpstr>Verdana</vt:lpstr>
      <vt:lpstr>Тема Office</vt:lpstr>
      <vt:lpstr>Народы Дальнего Востока России в XIII–XVII вв.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очему же в сражениях с монголами военная удача не была на стороне чжурчжэней? 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11_ Чжурчжэни с армии начинали....</dc:title>
  <dc:creator>Наталья</dc:creator>
  <cp:lastModifiedBy>Карамышева Наталья Михайловна</cp:lastModifiedBy>
  <cp:revision>84</cp:revision>
  <dcterms:created xsi:type="dcterms:W3CDTF">2023-10-02T00:52:20Z</dcterms:created>
  <dcterms:modified xsi:type="dcterms:W3CDTF">2026-04-13T02:25:33Z</dcterms:modified>
</cp:coreProperties>
</file>